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BFA6A8E" w14:textId="77777777" w:rsidR="00FD7552" w:rsidRDefault="00FD7552" w:rsidP="00FD7552">
      <w:pPr>
        <w:rPr>
          <w:rFonts w:ascii="Avenir" w:eastAsia="Avenir" w:hAnsi="Avenir" w:cs="Avenir"/>
          <w:b/>
          <w:i/>
          <w:color w:val="FF0000"/>
        </w:rPr>
      </w:pPr>
    </w:p>
    <w:p w14:paraId="30D6BCC1" w14:textId="77777777" w:rsidR="00FD7552" w:rsidRDefault="00FD7552" w:rsidP="00FD7552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1EE40FE0" wp14:editId="2E41B7DA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5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35EC57E9" w14:textId="77777777" w:rsidR="00EE496F" w:rsidRPr="00EE496F" w:rsidRDefault="00EE496F" w:rsidP="00EE496F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EE496F">
        <w:rPr>
          <w:rFonts w:ascii="Avenir LT Std 35 Light" w:eastAsia="Avenir" w:hAnsi="Avenir LT Std 35 Light" w:cs="Avenir"/>
          <w:sz w:val="16"/>
          <w:szCs w:val="16"/>
        </w:rPr>
        <w:t>Delivery Hero (Singapore) Pte. Ltd.</w:t>
      </w:r>
    </w:p>
    <w:p w14:paraId="46F550A6" w14:textId="77777777" w:rsidR="00EE496F" w:rsidRPr="00EE496F" w:rsidRDefault="00EE496F" w:rsidP="00EE496F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EE496F">
        <w:rPr>
          <w:rFonts w:ascii="Avenir LT Std 35 Light" w:eastAsia="Avenir" w:hAnsi="Avenir LT Std 35 Light" w:cs="Avenir"/>
          <w:sz w:val="16"/>
          <w:szCs w:val="16"/>
        </w:rPr>
        <w:t>143 Cecil Street #26-01 GB Building</w:t>
      </w:r>
    </w:p>
    <w:p w14:paraId="4C23C353" w14:textId="77777777" w:rsidR="00EE496F" w:rsidRPr="00EE496F" w:rsidRDefault="00EE496F" w:rsidP="00EE496F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EE496F">
        <w:rPr>
          <w:rFonts w:ascii="Avenir LT Std 35 Light" w:eastAsia="Avenir" w:hAnsi="Avenir LT Std 35 Light" w:cs="Avenir"/>
          <w:sz w:val="16"/>
          <w:szCs w:val="16"/>
        </w:rPr>
        <w:t>Singapore 069542</w:t>
      </w:r>
    </w:p>
    <w:p w14:paraId="1A984219" w14:textId="13092AE3" w:rsidR="00FD7552" w:rsidRPr="00C13846" w:rsidRDefault="00EE496F" w:rsidP="00EE496F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EE496F">
        <w:rPr>
          <w:rFonts w:ascii="Avenir LT Std 35 Light" w:eastAsia="Avenir" w:hAnsi="Avenir LT Std 35 Light" w:cs="Avenir"/>
          <w:sz w:val="16"/>
          <w:szCs w:val="16"/>
        </w:rPr>
        <w:t>GST registration No.: 201209757Z</w:t>
      </w:r>
    </w:p>
    <w:p w14:paraId="5E2C885B" w14:textId="77777777" w:rsidR="00FD7552" w:rsidRPr="00C13846" w:rsidRDefault="00FD7552" w:rsidP="00FD7552">
      <w:pPr>
        <w:jc w:val="right"/>
        <w:rPr>
          <w:rFonts w:ascii="Avenir LT Std 35 Light" w:eastAsia="Avenir" w:hAnsi="Avenir LT Std 35 Light" w:cs="Avenir"/>
        </w:rPr>
      </w:pPr>
      <w:r w:rsidRPr="00C13846">
        <w:rPr>
          <w:rFonts w:ascii="Avenir LT Std 35 Light" w:eastAsia="Avenir" w:hAnsi="Avenir LT Std 35 Light" w:cs="Avenir"/>
        </w:rPr>
        <w:t xml:space="preserve"> </w:t>
      </w:r>
    </w:p>
    <w:p w14:paraId="6D77EBA4" w14:textId="77777777" w:rsidR="00FD7552" w:rsidRPr="00C13846" w:rsidRDefault="00FD7552" w:rsidP="00FD7552">
      <w:pPr>
        <w:rPr>
          <w:rFonts w:ascii="Avenir LT Std 35 Light" w:eastAsia="Avenir" w:hAnsi="Avenir LT Std 35 Light" w:cs="Avenir"/>
        </w:rPr>
      </w:pPr>
    </w:p>
    <w:p w14:paraId="22FC230B" w14:textId="77777777" w:rsidR="00EE496F" w:rsidRDefault="00EE496F" w:rsidP="00EE496F">
      <w:pPr>
        <w:rPr>
          <w:rFonts w:ascii="Avenir LT Std 35 Light" w:eastAsia="Avenir" w:hAnsi="Avenir LT Std 35 Light" w:cs="Avenir"/>
          <w:b/>
        </w:rPr>
      </w:pPr>
    </w:p>
    <w:p w14:paraId="752B93DE" w14:textId="77777777" w:rsidR="00EE496F" w:rsidRDefault="00EE496F" w:rsidP="00EE496F">
      <w:pPr>
        <w:rPr>
          <w:rFonts w:ascii="Avenir LT Std 35 Light" w:eastAsia="Avenir" w:hAnsi="Avenir LT Std 35 Light" w:cs="Avenir"/>
          <w:b/>
        </w:rPr>
      </w:pPr>
    </w:p>
    <w:p w14:paraId="57504D9E" w14:textId="61BEF0DF" w:rsidR="00FD7552" w:rsidRPr="00C13846" w:rsidRDefault="00FD7552" w:rsidP="00EE496F">
      <w:pPr>
        <w:jc w:val="center"/>
        <w:rPr>
          <w:rFonts w:ascii="Avenir LT Std 35 Light" w:eastAsia="Avenir" w:hAnsi="Avenir LT Std 35 Light" w:cs="Avenir"/>
          <w:b/>
        </w:rPr>
      </w:pPr>
      <w:r w:rsidRPr="00C13846">
        <w:rPr>
          <w:rFonts w:ascii="Avenir LT Std 35 Light" w:eastAsia="Avenir" w:hAnsi="Avenir LT Std 35 Light" w:cs="Avenir"/>
          <w:b/>
        </w:rPr>
        <w:t>Contract Amendment</w:t>
      </w:r>
    </w:p>
    <w:p w14:paraId="3EBE9657" w14:textId="77777777" w:rsidR="00FD7552" w:rsidRPr="00C13846" w:rsidRDefault="00FD7552" w:rsidP="00FD7552">
      <w:pPr>
        <w:jc w:val="center"/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309A6FAF" w14:textId="77777777" w:rsidR="00FD7552" w:rsidRPr="00C13846" w:rsidRDefault="00FD7552" w:rsidP="00FD7552">
      <w:pPr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76D649E1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15DD3F0B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63C837AD" w14:textId="77777777" w:rsidR="009F5CDE" w:rsidRPr="009D3F39" w:rsidRDefault="009F5CDE" w:rsidP="009F5CDE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9D3F39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9D3F39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9D3F39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6E3292E0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5398BC5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BB3D544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2D095D3B" w14:textId="77777777" w:rsidR="00FD7552" w:rsidRPr="009D3F39" w:rsidRDefault="00FD7552" w:rsidP="00FD7552">
      <w:pPr>
        <w:jc w:val="right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53CB9AE5" w14:textId="3E50F804" w:rsidR="00FD7552" w:rsidRDefault="00EE496F" w:rsidP="00FD7552">
      <w:pPr>
        <w:rPr>
          <w:rFonts w:ascii="Avenir LT Std 35 Light" w:eastAsia="Avenir" w:hAnsi="Avenir LT Std 35 Light" w:cs="Avenir"/>
          <w:b/>
          <w:sz w:val="16"/>
          <w:szCs w:val="16"/>
        </w:rPr>
      </w:pPr>
      <w:r w:rsidRPr="00EE496F">
        <w:rPr>
          <w:rFonts w:ascii="Avenir LT Std 35 Light" w:eastAsia="Avenir" w:hAnsi="Avenir LT Std 35 Light" w:cs="Avenir"/>
          <w:b/>
          <w:sz w:val="16"/>
          <w:szCs w:val="16"/>
        </w:rPr>
        <w:t>The Vendor has read and agreed to the terms set out in this Vendor Registration Form and the Terms and Conditions set out in the attachment below as follows:</w:t>
      </w:r>
    </w:p>
    <w:p w14:paraId="43477DF4" w14:textId="77777777" w:rsidR="00EE496F" w:rsidRPr="009D3F39" w:rsidRDefault="00EE496F" w:rsidP="00FD7552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45021696" w14:textId="7361648F" w:rsidR="00FD7552" w:rsidRPr="007B1A90" w:rsidRDefault="007B1A90" w:rsidP="007B1A90">
      <w:pPr>
        <w:pStyle w:val="NoSpacing"/>
        <w:rPr>
          <w:rFonts w:ascii="Avenir LT Std 35 Light" w:hAnsi="Avenir LT Std 35 Light"/>
          <w:b/>
          <w:sz w:val="16"/>
          <w:szCs w:val="16"/>
        </w:rPr>
      </w:pPr>
      <w:r w:rsidRPr="007B1A90">
        <w:rPr>
          <w:rFonts w:ascii="Avenir LT Std 35 Light" w:hAnsi="Avenir LT Std 35 Light"/>
          <w:b/>
          <w:sz w:val="16"/>
          <w:szCs w:val="16"/>
        </w:rPr>
        <w:t xml:space="preserve">1. </w:t>
      </w:r>
      <w:r w:rsidR="00FD7552" w:rsidRPr="007B1A90">
        <w:rPr>
          <w:rFonts w:ascii="Avenir LT Std 35 Light" w:hAnsi="Avenir LT Std 35 Light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566"/>
        <w:gridCol w:w="4486"/>
      </w:tblGrid>
      <w:tr w:rsidR="00FD7552" w:rsidRPr="009D3F39" w14:paraId="07DB1B66" w14:textId="77777777" w:rsidTr="001B1FB9">
        <w:tc>
          <w:tcPr>
            <w:tcW w:w="25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C2958B2" w14:textId="77777777" w:rsidR="00FD7552" w:rsidRPr="009D3F39" w:rsidRDefault="00FD7552" w:rsidP="007D4A18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478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93CAD8F" w14:textId="77777777" w:rsidR="00FD7552" w:rsidRPr="009D3F39" w:rsidRDefault="00FD7552" w:rsidP="007D4A18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FD7552" w:rsidRPr="009D3F39" w14:paraId="7E14C9A8" w14:textId="77777777" w:rsidTr="001B1FB9">
        <w:trPr>
          <w:trHeight w:val="1940"/>
        </w:trPr>
        <w:tc>
          <w:tcPr>
            <w:tcW w:w="25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078D0ED" w14:textId="77777777" w:rsidR="00662E0D" w:rsidRPr="00A94170" w:rsidRDefault="00FD7552" w:rsidP="00662E0D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,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br/>
            </w:r>
            <w:r w:rsidR="00662E0D" w:rsidRPr="005D419F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Local Account Name </w:t>
            </w:r>
            <w:r w:rsidR="00662E0D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662E0D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ranslated_Account_Name</w:t>
            </w:r>
            <w:proofErr w:type="spellEnd"/>
            <w:r w:rsidR="00662E0D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662E0D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Registered Office Address </w:t>
            </w:r>
            <w:r w:rsidR="00662E0D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662E0D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662E0D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5F3D762" w14:textId="77777777" w:rsidR="00662E0D" w:rsidRPr="00A94170" w:rsidRDefault="00662E0D" w:rsidP="00662E0D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2A2745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usiness Registration Number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Company_Number</w:t>
            </w:r>
            <w:proofErr w:type="spellEnd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CF2C460" w14:textId="3182C2D2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8648EB0" w14:textId="77777777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4C2BA80" w14:textId="77777777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D0474EE" w14:textId="3D797BB2" w:rsidR="00FD7552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478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F06853B" w14:textId="22F0C0E4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832202B" w14:textId="60ACE966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608F5A6" w14:textId="6D16DD18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91DCBCE" w14:textId="1F4E5C2F" w:rsidR="00FD7552" w:rsidRPr="009D3F39" w:rsidRDefault="00FD7552" w:rsidP="007D4A18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69219D3" w14:textId="3BAC0A8D" w:rsidR="009F5CDE" w:rsidRPr="009D3F39" w:rsidRDefault="009F5CDE" w:rsidP="009F5CDE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402FDF" w:rsidRPr="00402FD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DF5AAB6" w14:textId="09E1E2E1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97710" w:rsidRPr="00D9771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4A2FA16" w14:textId="1F30540C" w:rsidR="009F5CDE" w:rsidRPr="009D3F39" w:rsidRDefault="009F5CDE" w:rsidP="009F5CD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Name</w:t>
            </w:r>
            <w:proofErr w:type="spellEnd"/>
            <w:r w:rsidR="001B1FB9" w:rsidRPr="001B1FB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Bank Account Number </w:t>
            </w:r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782660" w:rsidRPr="007826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1D6A939" w14:textId="75C4EB17" w:rsidR="00FD7552" w:rsidRDefault="009F5CDE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E7BD2C2" w14:textId="0F512AA1" w:rsidR="00EE496F" w:rsidRDefault="00EE496F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b/>
                <w:bCs/>
                <w:sz w:val="16"/>
                <w:szCs w:val="16"/>
              </w:rPr>
              <w:t>GST Registration Number</w:t>
            </w: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ax_Number</w:t>
            </w:r>
            <w:proofErr w:type="spellEnd"/>
            <w:r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2443793" w14:textId="28B7E4F1" w:rsidR="00EE496F" w:rsidRPr="00065D0E" w:rsidRDefault="00EE496F" w:rsidP="007D4A18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</w:tr>
    </w:tbl>
    <w:p w14:paraId="35FEA8A4" w14:textId="77777777" w:rsidR="003248FC" w:rsidRDefault="003248FC" w:rsidP="003248FC">
      <w:pPr>
        <w:rPr>
          <w:rFonts w:ascii="Avenir LT Std 35 Light" w:hAnsi="Avenir LT Std 35 Light"/>
          <w:b/>
          <w:sz w:val="16"/>
          <w:szCs w:val="16"/>
        </w:rPr>
      </w:pPr>
      <w:bookmarkStart w:id="0" w:name="_rpi4z6hry42n" w:colFirst="0" w:colLast="0"/>
      <w:bookmarkEnd w:id="0"/>
      <w:r w:rsidRPr="00A94170">
        <w:rPr>
          <w:rFonts w:ascii="Avenir LT Std 35 Light" w:hAnsi="Avenir LT Std 35 Light"/>
          <w:b/>
          <w:sz w:val="16"/>
          <w:szCs w:val="16"/>
        </w:rPr>
        <w:t xml:space="preserve">2. Commercial Terms </w:t>
      </w:r>
    </w:p>
    <w:tbl>
      <w:tblPr>
        <w:tblW w:w="5000" w:type="pct"/>
        <w:tblLook w:val="0400" w:firstRow="0" w:lastRow="0" w:firstColumn="0" w:lastColumn="0" w:noHBand="0" w:noVBand="1"/>
      </w:tblPr>
      <w:tblGrid>
        <w:gridCol w:w="3143"/>
        <w:gridCol w:w="382"/>
        <w:gridCol w:w="305"/>
        <w:gridCol w:w="591"/>
        <w:gridCol w:w="2327"/>
        <w:gridCol w:w="2304"/>
      </w:tblGrid>
      <w:tr w:rsidR="00EE20F7" w14:paraId="3E112F9B" w14:textId="77777777" w:rsidTr="00EE20F7"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D54B8F6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Commercial Terms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6489C65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From</w:t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6AA49F2A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To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487AEB3E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Agency Fees</w:t>
            </w:r>
          </w:p>
          <w:p w14:paraId="2E9F9353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(calculated as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lastRenderedPageBreak/>
              <w:t>a % of Vendor Revenue)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AE39CE9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lastRenderedPageBreak/>
              <w:t>Start Date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907749B" w14:textId="77777777" w:rsidR="00EE20F7" w:rsidRDefault="00EE20F7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End Date</w:t>
            </w:r>
          </w:p>
        </w:tc>
      </w:tr>
      <w:tr w:rsidR="00EE20F7" w:rsidRPr="00EE20F7" w14:paraId="3A1E411C" w14:textId="77777777" w:rsidTr="00EE20F7">
        <w:trPr>
          <w:trHeight w:val="460"/>
        </w:trPr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45C2A39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_Star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tiersSoql.Id_Opportunity_Quote_Line_Item.Id_List_Service_Price_Displayed_Name&gt;&gt;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ECC892C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.Id_Opportunity_Quote_Line_Item_Based_On&gt;&gt;" = "Monetary Amounts" "S$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ELD &lt;&lt;tiersSoql_Min&gt;&gt; \#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Min&gt;&gt; \#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</w:p>
          <w:p w14:paraId="17B74D3B" w14:textId="77777777" w:rsidR="00EE20F7" w:rsidRDefault="00EE20F7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6E1A87A7" w14:textId="77777777" w:rsidR="00EE20F7" w:rsidRDefault="00EE20F7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0AD30CDB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.Id_Opportunity_Quote_Line_Item_Based_On&gt;&gt;"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>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_Max&gt;&gt;" = "" "</w:instrText>
            </w:r>
            <w:r>
              <w:rPr>
                <w:rFonts w:ascii="Avenir LT Std 35 Light" w:eastAsia="Avenir" w:hAnsi="Avenir LT Std 35 Light" w:cs="Avenir"/>
                <w:sz w:val="32"/>
                <w:szCs w:val="32"/>
                <w:lang w:eastAsia="en-US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S$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tiersSoql_Max&gt;&gt; \#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IF "&lt;&lt;tiersSoql_Max&gt;&gt;" = ""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>"</w:instrText>
            </w:r>
            <w:r>
              <w:rPr>
                <w:rFonts w:ascii="Avenir LT Std 35 Light" w:eastAsia="Avenir" w:hAnsi="Avenir LT Std 35 Light" w:cs="Avenir"/>
                <w:sz w:val="32"/>
                <w:szCs w:val="32"/>
                <w:lang w:eastAsia="en-US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Max&gt;&gt; \#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  <w:lang w:eastAsia="en-US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>" \* MERGEFORM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instrText xml:space="preserve">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hideMark/>
          </w:tcPr>
          <w:p w14:paraId="5DA0D259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tiersSoql_Commission_in_percentage&gt;&gt; \#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%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DB28149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.Id_Opportunity_Quote_Line_Item_Start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416CF5F" w14:textId="77777777" w:rsidR="00EE20F7" w:rsidRDefault="00EE20F7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tiersSoql.Id_Opportunity_Quote_Line_Item_End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</w:tr>
    </w:tbl>
    <w:p w14:paraId="74E7E221" w14:textId="77777777" w:rsidR="003248FC" w:rsidRPr="00EE20F7" w:rsidRDefault="003248FC" w:rsidP="003248FC">
      <w:pPr>
        <w:rPr>
          <w:rFonts w:ascii="Avenir LT Std 35 Light" w:hAnsi="Avenir LT Std 35 Light"/>
          <w:b/>
          <w:sz w:val="16"/>
          <w:szCs w:val="16"/>
          <w:lang w:val="en-US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675"/>
        <w:gridCol w:w="834"/>
        <w:gridCol w:w="2291"/>
        <w:gridCol w:w="2252"/>
      </w:tblGrid>
      <w:tr w:rsidR="00C42388" w:rsidRPr="00A94170" w14:paraId="31BB0379" w14:textId="77777777" w:rsidTr="00CC1D65"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F295354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1" w:name="_6xhv0o8sempj" w:colFirst="0" w:colLast="0"/>
            <w:bookmarkEnd w:id="1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F6EAE94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042C67B8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(calculated as a % of Vendor Revenue)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93AC60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A48B0FF" w14:textId="77777777" w:rsidR="00C42388" w:rsidRPr="00A94170" w:rsidRDefault="00C42388" w:rsidP="00CB1DAD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C42388" w:rsidRPr="00A94170" w14:paraId="4701DC19" w14:textId="77777777" w:rsidTr="00CC1D65">
        <w:trPr>
          <w:trHeight w:val="460"/>
        </w:trPr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8114D1" w14:textId="678ED6F1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F61306" w:rsidRPr="00F6130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088A4A" w14:textId="6072E376" w:rsidR="00C42388" w:rsidRPr="00A94170" w:rsidRDefault="00CC1D65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="00C42388"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commision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7AE162C" w14:textId="77777777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954EEE" w14:textId="77777777" w:rsidR="00C42388" w:rsidRPr="00A94170" w:rsidRDefault="00C42388" w:rsidP="00CB1DAD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7E87CF26" w14:textId="6CC2ADBF" w:rsidR="00FD7552" w:rsidRDefault="00FD7552" w:rsidP="00FD7552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626C5004" w14:textId="77777777" w:rsidR="004D0CA9" w:rsidRPr="009D3F39" w:rsidRDefault="004D0CA9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305"/>
        <w:gridCol w:w="1582"/>
        <w:gridCol w:w="1557"/>
        <w:gridCol w:w="1563"/>
        <w:gridCol w:w="1403"/>
        <w:gridCol w:w="1642"/>
      </w:tblGrid>
      <w:tr w:rsidR="00FD7552" w:rsidRPr="009D3F39" w14:paraId="4F6D6EA8" w14:textId="77777777" w:rsidTr="00D520E7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2F223E8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E585A97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E982E7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3C773C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DB6FC28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F46FB0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9F5CDE" w:rsidRPr="009D3F39" w14:paraId="104097A5" w14:textId="77777777" w:rsidTr="00D520E7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754FB3" w14:textId="77777777" w:rsidR="009F5CDE" w:rsidRPr="009D3F39" w:rsidRDefault="009F5CDE" w:rsidP="009F5CDE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43AF3F4" w14:textId="727F53BA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4ADB813" w14:textId="3D69D12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77B81FA" w14:textId="5668AF8D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8361BD4" w14:textId="6476840D" w:rsidR="009F5CDE" w:rsidRPr="009D3F39" w:rsidRDefault="00EE20F7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Listed_Price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ED65CD8" w14:textId="67F9AA9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B4B996" w14:textId="31B4DCBC" w:rsidR="009F5CDE" w:rsidRPr="009D3F39" w:rsidRDefault="00EE20F7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Total_Amount</w:t>
            </w:r>
            <w:proofErr w:type="spellEnd"/>
            <w:r w:rsidR="009F5CDE"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9065ADA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1B664F93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452"/>
        <w:gridCol w:w="1857"/>
        <w:gridCol w:w="1826"/>
        <w:gridCol w:w="2062"/>
        <w:gridCol w:w="1855"/>
      </w:tblGrid>
      <w:tr w:rsidR="00FD7552" w:rsidRPr="009D3F39" w14:paraId="563EB5DF" w14:textId="77777777" w:rsidTr="003C042D">
        <w:trPr>
          <w:trHeight w:val="700"/>
        </w:trPr>
        <w:tc>
          <w:tcPr>
            <w:tcW w:w="97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076FD4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on-standard Terms </w:t>
            </w:r>
          </w:p>
        </w:tc>
        <w:tc>
          <w:tcPr>
            <w:tcW w:w="117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B59DF0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4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CEB0B1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42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15D4E44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27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39069FD" w14:textId="77777777" w:rsidR="00FD7552" w:rsidRPr="009D3F39" w:rsidRDefault="00FD7552" w:rsidP="007D4A1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9F5CDE" w:rsidRPr="009D3F39" w14:paraId="2CCA1A1F" w14:textId="77777777" w:rsidTr="003C042D">
        <w:tc>
          <w:tcPr>
            <w:tcW w:w="97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31AF13" w14:textId="77777777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ED4173C" w14:textId="70163ED8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Name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&gt;&gt; </w:t>
            </w:r>
          </w:p>
        </w:tc>
        <w:tc>
          <w:tcPr>
            <w:tcW w:w="117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98C2FDD" w14:textId="29F2E662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4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2150DAC" w14:textId="2A5838FB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End_Date</w:t>
            </w:r>
            <w:r w:rsidR="00D520E7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42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BA57E6" w14:textId="022B011E" w:rsidR="009F5CDE" w:rsidRPr="009D3F39" w:rsidRDefault="003C042D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3C042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27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3CAF948" w14:textId="4159E93B" w:rsidR="009F5CDE" w:rsidRPr="009D3F39" w:rsidRDefault="009F5CDE" w:rsidP="009F5CDE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9D3F3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6058DE5E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b/>
          <w:color w:val="0000FF"/>
          <w:sz w:val="16"/>
          <w:szCs w:val="16"/>
        </w:rPr>
      </w:pPr>
    </w:p>
    <w:p w14:paraId="594CA39F" w14:textId="77777777" w:rsidR="00FD7552" w:rsidRPr="009D3F39" w:rsidRDefault="00FD7552" w:rsidP="00FD755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68FFC713" w14:textId="730873DF" w:rsidR="002E2E19" w:rsidRDefault="002E2E19">
      <w:pPr>
        <w:spacing w:after="160" w:line="259" w:lineRule="auto"/>
      </w:pPr>
      <w:r>
        <w:br w:type="page"/>
      </w:r>
    </w:p>
    <w:p w14:paraId="2652196A" w14:textId="77777777" w:rsidR="00264E88" w:rsidRDefault="007D53A3" w:rsidP="00FE7264">
      <w:pPr>
        <w:tabs>
          <w:tab w:val="left" w:pos="4896"/>
        </w:tabs>
      </w:pP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377"/>
        <w:gridCol w:w="3747"/>
        <w:gridCol w:w="3932"/>
      </w:tblGrid>
      <w:tr w:rsidR="002E2E19" w:rsidRPr="00512BFD" w14:paraId="1ABCBB09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C76188F" w14:textId="77777777" w:rsidR="002E2E19" w:rsidRPr="00A94170" w:rsidRDefault="002E2E19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998ECAF" w14:textId="77777777" w:rsidR="002E2E19" w:rsidRPr="00512BFD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IGNED BY,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for and behalf of: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</w:t>
            </w:r>
          </w:p>
        </w:tc>
      </w:tr>
      <w:tr w:rsidR="002E2E19" w:rsidRPr="00A94170" w14:paraId="17589E76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5600A5B" w14:textId="77777777" w:rsidR="002E2E19" w:rsidRPr="00A94170" w:rsidRDefault="002E2E19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7A26D7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930E185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34875DE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  <w:p w14:paraId="3DDEBB96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</w:t>
            </w:r>
          </w:p>
          <w:p w14:paraId="24CF3FBD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DCCEBC2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97D50DB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5793EA87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  </w:t>
            </w:r>
          </w:p>
          <w:p w14:paraId="60991861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45C5FACF" wp14:editId="5733BC5A">
                      <wp:simplePos x="0" y="0"/>
                      <wp:positionH relativeFrom="column">
                        <wp:posOffset>1661795</wp:posOffset>
                      </wp:positionH>
                      <wp:positionV relativeFrom="paragraph">
                        <wp:posOffset>167005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21031788" w14:textId="77777777" w:rsidR="002E2E19" w:rsidRPr="00B05CDC" w:rsidRDefault="002E2E19" w:rsidP="002E2E19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5C5FACF" id="Rectangle 4" o:spid="_x0000_s1026" style="position:absolute;left:0;text-align:left;margin-left:130.85pt;margin-top:13.1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" fillcolor="white [3212]" stroked="f" strokeweight="1pt">
                      <v:textbox>
                        <w:txbxContent>
                          <w:p w14:paraId="21031788" w14:textId="77777777" w:rsidR="002E2E19" w:rsidRPr="00B05CDC" w:rsidRDefault="002E2E19" w:rsidP="002E2E19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6C492B2F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4E0AA422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09478226" w14:textId="77777777" w:rsidR="002E2E19" w:rsidRPr="00A94170" w:rsidRDefault="002E2E19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</w:tr>
      <w:tr w:rsidR="002E2E19" w:rsidRPr="00A94170" w14:paraId="5BDB0F6B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DC3C040" w14:textId="77777777" w:rsidR="002E2E19" w:rsidRPr="00A94170" w:rsidRDefault="002E2E19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9B3379C" w14:textId="77777777" w:rsidR="002E2E19" w:rsidRPr="005A29DE" w:rsidRDefault="002E2E19" w:rsidP="00EC44A5">
            <w:pPr>
              <w:jc w:val="center"/>
              <w:rPr>
                <w:rFonts w:ascii="Avenir Book" w:eastAsia="Avenir" w:hAnsi="Avenir Book" w:cs="Avenir"/>
                <w:sz w:val="16"/>
                <w:szCs w:val="16"/>
              </w:rPr>
            </w:pPr>
            <w:r w:rsidRPr="005A29DE">
              <w:rPr>
                <w:rFonts w:ascii="Avenir Book" w:eastAsia="Avenir" w:hAnsi="Avenir Book" w:cs="Avenir"/>
                <w:b/>
                <w:sz w:val="16"/>
                <w:szCs w:val="16"/>
              </w:rPr>
              <w:t>(SIGNED BY,</w:t>
            </w:r>
            <w:r w:rsidRPr="005A29DE">
              <w:rPr>
                <w:rFonts w:ascii="Avenir Book" w:eastAsia="Avenir" w:hAnsi="Avenir Book" w:cs="Avenir"/>
                <w:sz w:val="16"/>
                <w:szCs w:val="16"/>
              </w:rPr>
              <w:t xml:space="preserve"> for and behalf of:</w:t>
            </w:r>
          </w:p>
          <w:p w14:paraId="0B6925C8" w14:textId="370D5259" w:rsidR="002E2E19" w:rsidRPr="00A94170" w:rsidRDefault="002E2E19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ELIVERY HERO (Singapore) PTE. LTD.)</w:t>
            </w:r>
          </w:p>
        </w:tc>
      </w:tr>
      <w:tr w:rsidR="002E2E19" w:rsidRPr="00A94170" w14:paraId="4922593B" w14:textId="77777777" w:rsidTr="00EC44A5">
        <w:trPr>
          <w:trHeight w:val="3057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EB6AB0" w14:textId="77777777" w:rsidR="002E2E19" w:rsidRPr="00A94170" w:rsidRDefault="002E2E19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206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B68D494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FB00850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F3B90AB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B29E562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7151C4C7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Managing Directo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r</w:t>
            </w:r>
          </w:p>
          <w:p w14:paraId="68F700E0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6E97182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24B463CA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3BDE9CB5" w14:textId="000B757F" w:rsidR="002E2E19" w:rsidRDefault="002E2E19" w:rsidP="00BF279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6002A85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BF2795" w:rsidRPr="00BF2795">
              <w:rPr>
                <w:rFonts w:ascii="Avenir LT Std 35 Light" w:eastAsia="Avenir" w:hAnsi="Avenir LT Std 35 Light" w:cs="Avenir"/>
                <w:sz w:val="16"/>
                <w:szCs w:val="16"/>
              </w:rPr>
              <w:drawing>
                <wp:inline distT="0" distB="0" distL="0" distR="0" wp14:anchorId="7E0E718E" wp14:editId="5870F247">
                  <wp:extent cx="1274884" cy="504024"/>
                  <wp:effectExtent l="0" t="0" r="0" b="4445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376631" cy="54424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662EA298" w14:textId="3D53E189" w:rsidR="00BF2795" w:rsidRPr="00A94170" w:rsidRDefault="00BF2795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217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6208F11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A1D3D97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ED0AF75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6E80109" w14:textId="77777777" w:rsidR="002E2E19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D7C6E78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Sales Representative</w:t>
            </w:r>
          </w:p>
          <w:p w14:paraId="79A6ADE8" w14:textId="77777777" w:rsidR="002E2E19" w:rsidRDefault="002E2E19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A6AA5F4" w14:textId="77777777" w:rsidR="002E2E19" w:rsidRPr="00C13846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386D411B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Authori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ed</w:t>
            </w:r>
            <w:proofErr w:type="spellEnd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52677CE1" w14:textId="77777777" w:rsidR="002E2E19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41C0CF6A" wp14:editId="1CE1E695">
                      <wp:simplePos x="0" y="0"/>
                      <wp:positionH relativeFrom="column">
                        <wp:posOffset>430530</wp:posOffset>
                      </wp:positionH>
                      <wp:positionV relativeFrom="paragraph">
                        <wp:posOffset>141605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EAA75CE" w14:textId="77777777" w:rsidR="002E2E19" w:rsidRPr="00341AA3" w:rsidRDefault="002E2E19" w:rsidP="002E2E19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41C0CF6A" id="Rectangle 22" o:spid="_x0000_s1027" style="position:absolute;left:0;text-align:left;margin-left:33.9pt;margin-top:11.15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LfxwC/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0EAA75CE" w14:textId="77777777" w:rsidR="002E2E19" w:rsidRPr="00341AA3" w:rsidRDefault="002E2E19" w:rsidP="002E2E19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672E95EF" w14:textId="77777777" w:rsidR="002E2E19" w:rsidRPr="00A94170" w:rsidRDefault="002E2E19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13AD5A2" w14:textId="77777777" w:rsidR="002E2E19" w:rsidRPr="00A94170" w:rsidRDefault="002E2E19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</w:tr>
    </w:tbl>
    <w:p w14:paraId="6266E8F0" w14:textId="77777777" w:rsidR="002E2E19" w:rsidRDefault="002E2E19" w:rsidP="00FE7264">
      <w:pPr>
        <w:tabs>
          <w:tab w:val="left" w:pos="4896"/>
        </w:tabs>
      </w:pPr>
    </w:p>
    <w:sectPr w:rsidR="002E2E19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BF05559" w14:textId="77777777" w:rsidR="007D53A3" w:rsidRDefault="007D53A3" w:rsidP="00FD7552">
      <w:pPr>
        <w:spacing w:line="240" w:lineRule="auto"/>
      </w:pPr>
      <w:r>
        <w:separator/>
      </w:r>
    </w:p>
  </w:endnote>
  <w:endnote w:type="continuationSeparator" w:id="0">
    <w:p w14:paraId="09A481CC" w14:textId="77777777" w:rsidR="007D53A3" w:rsidRDefault="007D53A3" w:rsidP="00FD755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Avenir Book"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5A213AFA" w14:textId="77777777" w:rsidR="007D53A3" w:rsidRDefault="007D53A3" w:rsidP="00FD7552">
      <w:pPr>
        <w:spacing w:line="240" w:lineRule="auto"/>
      </w:pPr>
      <w:r>
        <w:separator/>
      </w:r>
    </w:p>
  </w:footnote>
  <w:footnote w:type="continuationSeparator" w:id="0">
    <w:p w14:paraId="0591E671" w14:textId="77777777" w:rsidR="007D53A3" w:rsidRDefault="007D53A3" w:rsidP="00FD7552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3854615"/>
    <w:multiLevelType w:val="multilevel"/>
    <w:tmpl w:val="BAC21BCC"/>
    <w:lvl w:ilvl="0">
      <w:start w:val="1"/>
      <w:numFmt w:val="decimal"/>
      <w:lvlText w:val="%1."/>
      <w:lvlJc w:val="left"/>
      <w:pPr>
        <w:ind w:left="135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207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79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351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423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95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67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639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7110" w:hanging="360"/>
      </w:pPr>
      <w:rPr>
        <w:u w:val="none"/>
      </w:rPr>
    </w:lvl>
  </w:abstractNum>
  <w:abstractNum w:abstractNumId="1" w15:restartNumberingAfterBreak="0">
    <w:nsid w:val="4D056F78"/>
    <w:multiLevelType w:val="hybridMultilevel"/>
    <w:tmpl w:val="F35A77A0"/>
    <w:lvl w:ilvl="0" w:tplc="2166BDC0">
      <w:start w:val="1"/>
      <w:numFmt w:val="decimal"/>
      <w:lvlText w:val="%1."/>
      <w:lvlJc w:val="left"/>
      <w:pPr>
        <w:ind w:left="45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170" w:hanging="360"/>
      </w:pPr>
    </w:lvl>
    <w:lvl w:ilvl="2" w:tplc="0407001B" w:tentative="1">
      <w:start w:val="1"/>
      <w:numFmt w:val="lowerRoman"/>
      <w:lvlText w:val="%3."/>
      <w:lvlJc w:val="right"/>
      <w:pPr>
        <w:ind w:left="1890" w:hanging="180"/>
      </w:pPr>
    </w:lvl>
    <w:lvl w:ilvl="3" w:tplc="0407000F" w:tentative="1">
      <w:start w:val="1"/>
      <w:numFmt w:val="decimal"/>
      <w:lvlText w:val="%4."/>
      <w:lvlJc w:val="left"/>
      <w:pPr>
        <w:ind w:left="2610" w:hanging="360"/>
      </w:pPr>
    </w:lvl>
    <w:lvl w:ilvl="4" w:tplc="04070019" w:tentative="1">
      <w:start w:val="1"/>
      <w:numFmt w:val="lowerLetter"/>
      <w:lvlText w:val="%5."/>
      <w:lvlJc w:val="left"/>
      <w:pPr>
        <w:ind w:left="3330" w:hanging="360"/>
      </w:pPr>
    </w:lvl>
    <w:lvl w:ilvl="5" w:tplc="0407001B" w:tentative="1">
      <w:start w:val="1"/>
      <w:numFmt w:val="lowerRoman"/>
      <w:lvlText w:val="%6."/>
      <w:lvlJc w:val="right"/>
      <w:pPr>
        <w:ind w:left="4050" w:hanging="180"/>
      </w:pPr>
    </w:lvl>
    <w:lvl w:ilvl="6" w:tplc="0407000F" w:tentative="1">
      <w:start w:val="1"/>
      <w:numFmt w:val="decimal"/>
      <w:lvlText w:val="%7."/>
      <w:lvlJc w:val="left"/>
      <w:pPr>
        <w:ind w:left="4770" w:hanging="360"/>
      </w:pPr>
    </w:lvl>
    <w:lvl w:ilvl="7" w:tplc="04070019" w:tentative="1">
      <w:start w:val="1"/>
      <w:numFmt w:val="lowerLetter"/>
      <w:lvlText w:val="%8."/>
      <w:lvlJc w:val="left"/>
      <w:pPr>
        <w:ind w:left="5490" w:hanging="360"/>
      </w:pPr>
    </w:lvl>
    <w:lvl w:ilvl="8" w:tplc="0407001B" w:tentative="1">
      <w:start w:val="1"/>
      <w:numFmt w:val="lowerRoman"/>
      <w:lvlText w:val="%9."/>
      <w:lvlJc w:val="right"/>
      <w:pPr>
        <w:ind w:left="621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4048B"/>
    <w:rsid w:val="00065D0E"/>
    <w:rsid w:val="0008139C"/>
    <w:rsid w:val="000B0D97"/>
    <w:rsid w:val="000B106A"/>
    <w:rsid w:val="000D6130"/>
    <w:rsid w:val="001568C6"/>
    <w:rsid w:val="001B1FB9"/>
    <w:rsid w:val="001D11B0"/>
    <w:rsid w:val="00252CA8"/>
    <w:rsid w:val="002E2E19"/>
    <w:rsid w:val="003248FC"/>
    <w:rsid w:val="00327CD4"/>
    <w:rsid w:val="00365DA2"/>
    <w:rsid w:val="003954A2"/>
    <w:rsid w:val="003C042D"/>
    <w:rsid w:val="003C3875"/>
    <w:rsid w:val="003D190B"/>
    <w:rsid w:val="00402FDF"/>
    <w:rsid w:val="00431755"/>
    <w:rsid w:val="0045137C"/>
    <w:rsid w:val="00460B94"/>
    <w:rsid w:val="0047210D"/>
    <w:rsid w:val="004B09AF"/>
    <w:rsid w:val="004C0459"/>
    <w:rsid w:val="004C3034"/>
    <w:rsid w:val="004D0CA9"/>
    <w:rsid w:val="004E77B3"/>
    <w:rsid w:val="004F6E7E"/>
    <w:rsid w:val="005154FF"/>
    <w:rsid w:val="00552513"/>
    <w:rsid w:val="00556323"/>
    <w:rsid w:val="00566DDC"/>
    <w:rsid w:val="00580656"/>
    <w:rsid w:val="005E5EFC"/>
    <w:rsid w:val="00662E0D"/>
    <w:rsid w:val="00676442"/>
    <w:rsid w:val="006B2669"/>
    <w:rsid w:val="007337CE"/>
    <w:rsid w:val="00782660"/>
    <w:rsid w:val="007B1A90"/>
    <w:rsid w:val="007C1C2E"/>
    <w:rsid w:val="007D53A3"/>
    <w:rsid w:val="008218F2"/>
    <w:rsid w:val="0084048B"/>
    <w:rsid w:val="008A17B4"/>
    <w:rsid w:val="008B69D6"/>
    <w:rsid w:val="008C4E31"/>
    <w:rsid w:val="008E1EA0"/>
    <w:rsid w:val="0090591B"/>
    <w:rsid w:val="00913F51"/>
    <w:rsid w:val="00920CA4"/>
    <w:rsid w:val="00921FF8"/>
    <w:rsid w:val="009621F8"/>
    <w:rsid w:val="00984581"/>
    <w:rsid w:val="009D3F39"/>
    <w:rsid w:val="009E4102"/>
    <w:rsid w:val="009F32A9"/>
    <w:rsid w:val="009F5CDE"/>
    <w:rsid w:val="00A31442"/>
    <w:rsid w:val="00A41009"/>
    <w:rsid w:val="00A46A5E"/>
    <w:rsid w:val="00B226CF"/>
    <w:rsid w:val="00BF2795"/>
    <w:rsid w:val="00C03ACE"/>
    <w:rsid w:val="00C13846"/>
    <w:rsid w:val="00C42388"/>
    <w:rsid w:val="00C45AD6"/>
    <w:rsid w:val="00C87892"/>
    <w:rsid w:val="00CC1D65"/>
    <w:rsid w:val="00CE4F92"/>
    <w:rsid w:val="00D11FBC"/>
    <w:rsid w:val="00D520E7"/>
    <w:rsid w:val="00D97710"/>
    <w:rsid w:val="00DD6E76"/>
    <w:rsid w:val="00DF4623"/>
    <w:rsid w:val="00E2174C"/>
    <w:rsid w:val="00EE20F7"/>
    <w:rsid w:val="00EE496F"/>
    <w:rsid w:val="00EF0C23"/>
    <w:rsid w:val="00F43770"/>
    <w:rsid w:val="00F61306"/>
    <w:rsid w:val="00FC54C5"/>
    <w:rsid w:val="00FD7552"/>
    <w:rsid w:val="00FE7264"/>
    <w:rsid w:val="00FF68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69812644"/>
  <w15:chartTrackingRefBased/>
  <w15:docId w15:val="{3A3F9F8D-F0C3-4F47-8AFC-7BD76757CDE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7552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FD7552"/>
    <w:pPr>
      <w:keepNext/>
      <w:keepLines/>
      <w:spacing w:before="400" w:after="120"/>
      <w:outlineLvl w:val="0"/>
    </w:pPr>
    <w:rPr>
      <w:sz w:val="40"/>
      <w:szCs w:val="4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FD7552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7B1A90"/>
    <w:pPr>
      <w:ind w:left="720"/>
      <w:contextualSpacing/>
    </w:pPr>
  </w:style>
  <w:style w:type="paragraph" w:styleId="NoSpacing">
    <w:name w:val="No Spacing"/>
    <w:uiPriority w:val="1"/>
    <w:qFormat/>
    <w:rsid w:val="007B1A90"/>
    <w:pPr>
      <w:spacing w:after="0" w:line="240" w:lineRule="auto"/>
    </w:pPr>
    <w:rPr>
      <w:rFonts w:ascii="Arial" w:eastAsia="Arial" w:hAnsi="Arial" w:cs="Arial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330108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7</Pages>
  <Words>564</Words>
  <Characters>3215</Characters>
  <Application>Microsoft Office Word</Application>
  <DocSecurity>0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7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52</cp:revision>
  <dcterms:created xsi:type="dcterms:W3CDTF">2019-09-12T14:18:00Z</dcterms:created>
  <dcterms:modified xsi:type="dcterms:W3CDTF">2020-05-19T09:13:00Z</dcterms:modified>
</cp:coreProperties>
</file>